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"/>
    </mc:Choice>
  </mc:AlternateContent>
  <bookViews>
    <workbookView xWindow="120" yWindow="30" windowWidth="19935" windowHeight="9555"/>
  </bookViews>
  <sheets>
    <sheet name="Sheet1" sheetId="11" r:id="rId1"/>
  </sheets>
  <calcPr calcId="145621"/>
</workbook>
</file>

<file path=xl/sharedStrings.xml><?xml version="1.0" encoding="utf-8"?>
<sst xmlns="http://schemas.openxmlformats.org/spreadsheetml/2006/main" count="149" uniqueCount="126">
  <si>
    <t>邑智郡邑南町上亀谷２１８０－１</t>
    <rPh sb="0" eb="3">
      <t>オオチグン</t>
    </rPh>
    <rPh sb="3" eb="4">
      <t>オオチ</t>
    </rPh>
    <rPh sb="4" eb="5">
      <t>ミナミ</t>
    </rPh>
    <rPh sb="5" eb="6">
      <t>チョウ</t>
    </rPh>
    <rPh sb="6" eb="7">
      <t>ウエ</t>
    </rPh>
    <rPh sb="7" eb="9">
      <t>カメタニ</t>
    </rPh>
    <phoneticPr fontId="1"/>
  </si>
  <si>
    <t>設置主体</t>
    <rPh sb="0" eb="2">
      <t>セッチ</t>
    </rPh>
    <rPh sb="2" eb="4">
      <t>シュタイ</t>
    </rPh>
    <phoneticPr fontId="1"/>
  </si>
  <si>
    <t>出雲市白枝町３９６－２</t>
    <rPh sb="0" eb="3">
      <t>イズモシ</t>
    </rPh>
    <rPh sb="3" eb="4">
      <t>シロ</t>
    </rPh>
    <rPh sb="4" eb="5">
      <t>エダ</t>
    </rPh>
    <rPh sb="5" eb="6">
      <t>チョウ</t>
    </rPh>
    <phoneticPr fontId="1"/>
  </si>
  <si>
    <t>松江市山代町９３３－９</t>
    <rPh sb="0" eb="3">
      <t>マツエシ</t>
    </rPh>
    <rPh sb="3" eb="5">
      <t>ヤマシロ</t>
    </rPh>
    <rPh sb="5" eb="6">
      <t>チョウ</t>
    </rPh>
    <phoneticPr fontId="1"/>
  </si>
  <si>
    <t>松江市西法吉町３５－２０</t>
    <rPh sb="0" eb="3">
      <t>マツエシ</t>
    </rPh>
    <rPh sb="3" eb="4">
      <t>ニシ</t>
    </rPh>
    <rPh sb="4" eb="5">
      <t>ホウ</t>
    </rPh>
    <rPh sb="5" eb="6">
      <t>キチ</t>
    </rPh>
    <rPh sb="6" eb="7">
      <t>チョウ</t>
    </rPh>
    <phoneticPr fontId="1"/>
  </si>
  <si>
    <t>松江市新庄町１１７４</t>
    <rPh sb="0" eb="3">
      <t>マツエシ</t>
    </rPh>
    <rPh sb="3" eb="5">
      <t>シンジョウ</t>
    </rPh>
    <rPh sb="5" eb="6">
      <t>チョウ</t>
    </rPh>
    <phoneticPr fontId="1"/>
  </si>
  <si>
    <t>安来市安来町９５８－２</t>
    <rPh sb="0" eb="3">
      <t>ヤスギシ</t>
    </rPh>
    <rPh sb="3" eb="5">
      <t>ヤスギ</t>
    </rPh>
    <rPh sb="5" eb="6">
      <t>チョウ</t>
    </rPh>
    <phoneticPr fontId="1"/>
  </si>
  <si>
    <t>出雲市大津町３６２２－１</t>
    <rPh sb="0" eb="3">
      <t>イズモシ</t>
    </rPh>
    <rPh sb="3" eb="5">
      <t>オオツ</t>
    </rPh>
    <rPh sb="5" eb="6">
      <t>チョウ</t>
    </rPh>
    <phoneticPr fontId="1"/>
  </si>
  <si>
    <t>浜田市内村町５６７</t>
    <rPh sb="0" eb="3">
      <t>ハマダシ</t>
    </rPh>
    <rPh sb="3" eb="5">
      <t>ウチムラ</t>
    </rPh>
    <rPh sb="5" eb="6">
      <t>チョウ</t>
    </rPh>
    <phoneticPr fontId="1"/>
  </si>
  <si>
    <t>出雲市大社町中荒木1745-2</t>
    <rPh sb="0" eb="3">
      <t>イズモシ</t>
    </rPh>
    <rPh sb="3" eb="6">
      <t>タイシャチョウ</t>
    </rPh>
    <rPh sb="6" eb="7">
      <t>ナカ</t>
    </rPh>
    <rPh sb="7" eb="9">
      <t>アラキ</t>
    </rPh>
    <phoneticPr fontId="1"/>
  </si>
  <si>
    <t>はなうみ苑</t>
    <rPh sb="4" eb="5">
      <t>エン</t>
    </rPh>
    <phoneticPr fontId="1"/>
  </si>
  <si>
    <t>やすらぎの里</t>
    <rPh sb="5" eb="6">
      <t>サト</t>
    </rPh>
    <phoneticPr fontId="1"/>
  </si>
  <si>
    <t>ケアハウス回生館</t>
    <rPh sb="5" eb="7">
      <t>カイセイ</t>
    </rPh>
    <rPh sb="7" eb="8">
      <t>カン</t>
    </rPh>
    <phoneticPr fontId="1"/>
  </si>
  <si>
    <t>ケアハウス美川</t>
    <rPh sb="5" eb="7">
      <t>ミカワ</t>
    </rPh>
    <phoneticPr fontId="1"/>
  </si>
  <si>
    <t>Ｎｏ</t>
    <phoneticPr fontId="1"/>
  </si>
  <si>
    <t>圏域</t>
    <rPh sb="0" eb="2">
      <t>ケンイキ</t>
    </rPh>
    <phoneticPr fontId="1"/>
  </si>
  <si>
    <t>松江</t>
    <rPh sb="0" eb="2">
      <t>マツエ</t>
    </rPh>
    <phoneticPr fontId="1"/>
  </si>
  <si>
    <t>出雲</t>
    <rPh sb="0" eb="2">
      <t>イズモ</t>
    </rPh>
    <phoneticPr fontId="1"/>
  </si>
  <si>
    <t>大田</t>
    <rPh sb="0" eb="2">
      <t>オオダ</t>
    </rPh>
    <phoneticPr fontId="1"/>
  </si>
  <si>
    <t>県央</t>
    <rPh sb="0" eb="2">
      <t>ケンオウ</t>
    </rPh>
    <phoneticPr fontId="1"/>
  </si>
  <si>
    <t>浜田</t>
    <rPh sb="0" eb="2">
      <t>ハマダ</t>
    </rPh>
    <phoneticPr fontId="1"/>
  </si>
  <si>
    <t>益田</t>
    <rPh sb="0" eb="2">
      <t>マスダ</t>
    </rPh>
    <phoneticPr fontId="1"/>
  </si>
  <si>
    <t>690-0012</t>
    <phoneticPr fontId="1"/>
  </si>
  <si>
    <t>コーポ「ますだ」</t>
  </si>
  <si>
    <t>698-0041</t>
    <phoneticPr fontId="1"/>
  </si>
  <si>
    <t>ケアハウスふるさと苑</t>
    <rPh sb="9" eb="10">
      <t>エン</t>
    </rPh>
    <phoneticPr fontId="1"/>
  </si>
  <si>
    <t>0852-21-0897</t>
    <phoneticPr fontId="1"/>
  </si>
  <si>
    <t>0855-83-1472</t>
    <phoneticPr fontId="1"/>
  </si>
  <si>
    <t>0855-27-5000</t>
    <phoneticPr fontId="1"/>
  </si>
  <si>
    <t>0852-31-9038</t>
    <phoneticPr fontId="1"/>
  </si>
  <si>
    <t>0852-27-5105</t>
    <phoneticPr fontId="1"/>
  </si>
  <si>
    <t>0852-21-0815</t>
    <phoneticPr fontId="1"/>
  </si>
  <si>
    <t>0852-34-1900</t>
    <phoneticPr fontId="1"/>
  </si>
  <si>
    <t>0854-23-0481</t>
    <phoneticPr fontId="1"/>
  </si>
  <si>
    <t>0853-21-7210</t>
    <phoneticPr fontId="1"/>
  </si>
  <si>
    <t>0853-53-6701</t>
    <phoneticPr fontId="1"/>
  </si>
  <si>
    <t>0855-83-1988</t>
    <phoneticPr fontId="1"/>
  </si>
  <si>
    <t>0855-27-5001</t>
    <phoneticPr fontId="1"/>
  </si>
  <si>
    <t>0856 24-0966</t>
    <phoneticPr fontId="1"/>
  </si>
  <si>
    <t>690-0031</t>
    <phoneticPr fontId="1"/>
  </si>
  <si>
    <t>692-0011</t>
    <phoneticPr fontId="1"/>
  </si>
  <si>
    <t>690-0035</t>
    <phoneticPr fontId="1"/>
  </si>
  <si>
    <t>690-1103</t>
    <phoneticPr fontId="1"/>
  </si>
  <si>
    <t>699-0741</t>
    <phoneticPr fontId="1"/>
  </si>
  <si>
    <t>698-0041</t>
    <phoneticPr fontId="1"/>
  </si>
  <si>
    <t>693-0006</t>
    <phoneticPr fontId="1"/>
  </si>
  <si>
    <t>□一般入所者</t>
    <rPh sb="1" eb="3">
      <t>イッパン</t>
    </rPh>
    <rPh sb="3" eb="6">
      <t>ニュウショシャ</t>
    </rPh>
    <phoneticPr fontId="1"/>
  </si>
  <si>
    <t>690-0860</t>
    <phoneticPr fontId="1"/>
  </si>
  <si>
    <t>松江市佐草町２－２</t>
    <rPh sb="0" eb="3">
      <t>マツエシ</t>
    </rPh>
    <rPh sb="3" eb="4">
      <t>サ</t>
    </rPh>
    <rPh sb="4" eb="5">
      <t>クサ</t>
    </rPh>
    <rPh sb="5" eb="6">
      <t>チョウ</t>
    </rPh>
    <phoneticPr fontId="1"/>
  </si>
  <si>
    <t>ケアハウス寿生の郷</t>
    <rPh sb="5" eb="6">
      <t>ジュ</t>
    </rPh>
    <rPh sb="6" eb="7">
      <t>セイ</t>
    </rPh>
    <rPh sb="8" eb="9">
      <t>サト</t>
    </rPh>
    <phoneticPr fontId="1"/>
  </si>
  <si>
    <t>693-0011</t>
    <phoneticPr fontId="1"/>
  </si>
  <si>
    <t>696-0224</t>
    <phoneticPr fontId="1"/>
  </si>
  <si>
    <t>ケアハウスゆめあいの郷</t>
    <rPh sb="10" eb="11">
      <t>サト</t>
    </rPh>
    <phoneticPr fontId="1"/>
  </si>
  <si>
    <t>697-1331</t>
    <phoneticPr fontId="1"/>
  </si>
  <si>
    <t>益田市高津６丁目１８番２５号</t>
    <rPh sb="0" eb="3">
      <t>マスダシ</t>
    </rPh>
    <rPh sb="3" eb="5">
      <t>タカツ</t>
    </rPh>
    <rPh sb="6" eb="8">
      <t>チョウメ</t>
    </rPh>
    <rPh sb="10" eb="11">
      <t>バン</t>
    </rPh>
    <rPh sb="13" eb="14">
      <t>ゴウ</t>
    </rPh>
    <phoneticPr fontId="1"/>
  </si>
  <si>
    <t>ケアハウス夢楽の郷</t>
    <rPh sb="5" eb="6">
      <t>ユメ</t>
    </rPh>
    <rPh sb="6" eb="7">
      <t>ラク</t>
    </rPh>
    <rPh sb="8" eb="9">
      <t>サト</t>
    </rPh>
    <phoneticPr fontId="1"/>
  </si>
  <si>
    <t>ケアハウスねむの家</t>
    <rPh sb="8" eb="9">
      <t>イエ</t>
    </rPh>
    <phoneticPr fontId="1"/>
  </si>
  <si>
    <t>あすかケアホーム</t>
    <phoneticPr fontId="1"/>
  </si>
  <si>
    <t>益田市中島町イ1454番地1</t>
    <rPh sb="0" eb="3">
      <t>マスダシ</t>
    </rPh>
    <rPh sb="3" eb="6">
      <t>ナカシマチョウ</t>
    </rPh>
    <rPh sb="11" eb="13">
      <t>バンチ</t>
    </rPh>
    <phoneticPr fontId="1"/>
  </si>
  <si>
    <t>サン・フラワー苑</t>
    <rPh sb="7" eb="8">
      <t>エン</t>
    </rPh>
    <phoneticPr fontId="1"/>
  </si>
  <si>
    <t>690-1114</t>
    <phoneticPr fontId="1"/>
  </si>
  <si>
    <t>松江市野原町才の神５８５</t>
    <rPh sb="0" eb="3">
      <t>マツエシ</t>
    </rPh>
    <rPh sb="3" eb="6">
      <t>ノバラチョウ</t>
    </rPh>
    <rPh sb="6" eb="7">
      <t>サイ</t>
    </rPh>
    <rPh sb="8" eb="9">
      <t>カミ</t>
    </rPh>
    <phoneticPr fontId="1"/>
  </si>
  <si>
    <t>0852-34-1882</t>
  </si>
  <si>
    <t>ケアハウスやすぎ</t>
    <phoneticPr fontId="1"/>
  </si>
  <si>
    <t>0852-31-9036</t>
    <phoneticPr fontId="1"/>
  </si>
  <si>
    <t>0852-27-5100</t>
    <phoneticPr fontId="1"/>
  </si>
  <si>
    <t>0852-34-9090</t>
    <phoneticPr fontId="1"/>
  </si>
  <si>
    <t>0854-23-0480</t>
    <phoneticPr fontId="1"/>
  </si>
  <si>
    <t>0852-34-1880</t>
    <phoneticPr fontId="1"/>
  </si>
  <si>
    <t>0853-30-6211</t>
    <phoneticPr fontId="1"/>
  </si>
  <si>
    <t>0853-53-6705</t>
    <phoneticPr fontId="1"/>
  </si>
  <si>
    <t>0856-23-7612</t>
    <phoneticPr fontId="1"/>
  </si>
  <si>
    <t>0856-25-7777</t>
    <phoneticPr fontId="1"/>
  </si>
  <si>
    <t>0856-31-4520</t>
    <phoneticPr fontId="1"/>
  </si>
  <si>
    <t>0852-24-7533</t>
    <phoneticPr fontId="1"/>
  </si>
  <si>
    <t>0852-24-9206</t>
    <phoneticPr fontId="1"/>
  </si>
  <si>
    <t>0853-22-4801</t>
    <phoneticPr fontId="1"/>
  </si>
  <si>
    <t>0853-25-1158</t>
    <phoneticPr fontId="1"/>
  </si>
  <si>
    <t>0854-82-7476</t>
    <phoneticPr fontId="1"/>
  </si>
  <si>
    <t>0854-82-9379</t>
    <phoneticPr fontId="1"/>
  </si>
  <si>
    <t>0856-23-1660</t>
    <phoneticPr fontId="1"/>
  </si>
  <si>
    <t>0856-23-3505</t>
    <phoneticPr fontId="1"/>
  </si>
  <si>
    <t>TEL</t>
    <phoneticPr fontId="1"/>
  </si>
  <si>
    <t>FAX</t>
    <phoneticPr fontId="1"/>
  </si>
  <si>
    <t>ケアハウス古志原ヒルズ</t>
    <rPh sb="5" eb="8">
      <t>コシバラ</t>
    </rPh>
    <phoneticPr fontId="1"/>
  </si>
  <si>
    <t>松江市古志原４－１９－４３</t>
    <rPh sb="0" eb="3">
      <t>マツエシ</t>
    </rPh>
    <rPh sb="3" eb="5">
      <t>コシ</t>
    </rPh>
    <rPh sb="5" eb="6">
      <t>バラ</t>
    </rPh>
    <phoneticPr fontId="1"/>
  </si>
  <si>
    <t>益田市高津四丁目２７番７号</t>
    <rPh sb="0" eb="3">
      <t>マスダシ</t>
    </rPh>
    <rPh sb="3" eb="5">
      <t>タカツ</t>
    </rPh>
    <rPh sb="5" eb="6">
      <t>４</t>
    </rPh>
    <rPh sb="6" eb="8">
      <t>チョウメ</t>
    </rPh>
    <rPh sb="10" eb="11">
      <t>バン</t>
    </rPh>
    <rPh sb="12" eb="13">
      <t>ゴウ</t>
    </rPh>
    <phoneticPr fontId="1"/>
  </si>
  <si>
    <t>694-0011</t>
    <phoneticPr fontId="1"/>
  </si>
  <si>
    <t>大田市川合町川合１０８１－２</t>
    <rPh sb="0" eb="3">
      <t>オオダシ</t>
    </rPh>
    <rPh sb="3" eb="5">
      <t>カワイ</t>
    </rPh>
    <rPh sb="5" eb="6">
      <t>チョウ</t>
    </rPh>
    <rPh sb="6" eb="8">
      <t>カワイ</t>
    </rPh>
    <phoneticPr fontId="1"/>
  </si>
  <si>
    <t>ケアハウスあすなろ</t>
    <phoneticPr fontId="1"/>
  </si>
  <si>
    <t>ケアハウスビラおおだ</t>
    <phoneticPr fontId="1"/>
  </si>
  <si>
    <t>特定ケアハウスたかつ</t>
    <rPh sb="0" eb="2">
      <t>トクテイ</t>
    </rPh>
    <phoneticPr fontId="1"/>
  </si>
  <si>
    <t>益田市高津１丁目7-11</t>
    <rPh sb="0" eb="3">
      <t>マスダシ</t>
    </rPh>
    <rPh sb="3" eb="5">
      <t>タカツ</t>
    </rPh>
    <rPh sb="6" eb="8">
      <t>チョウメ</t>
    </rPh>
    <phoneticPr fontId="1"/>
  </si>
  <si>
    <t>0856-31-1322</t>
    <phoneticPr fontId="1"/>
  </si>
  <si>
    <t>0856-31-1306</t>
    <phoneticPr fontId="1"/>
  </si>
  <si>
    <t>緯度</t>
    <rPh sb="0" eb="2">
      <t>イド</t>
    </rPh>
    <phoneticPr fontId="1"/>
  </si>
  <si>
    <t>経度</t>
    <rPh sb="0" eb="2">
      <t>ケイド</t>
    </rPh>
    <phoneticPr fontId="1"/>
  </si>
  <si>
    <t>社福しらゆり会</t>
    <rPh sb="0" eb="2">
      <t>シャフク</t>
    </rPh>
    <rPh sb="6" eb="7">
      <t>カイ</t>
    </rPh>
    <phoneticPr fontId="1"/>
  </si>
  <si>
    <t>社福みずうみ</t>
    <rPh sb="0" eb="2">
      <t>シャフク</t>
    </rPh>
    <phoneticPr fontId="1"/>
  </si>
  <si>
    <t>社福敬仁会</t>
    <rPh sb="0" eb="2">
      <t>シャフク</t>
    </rPh>
    <rPh sb="2" eb="3">
      <t>ケイ</t>
    </rPh>
    <rPh sb="3" eb="4">
      <t>ジン</t>
    </rPh>
    <rPh sb="4" eb="5">
      <t>カイ</t>
    </rPh>
    <phoneticPr fontId="1"/>
  </si>
  <si>
    <t>社福松江青雲会</t>
    <rPh sb="0" eb="2">
      <t>シャフク</t>
    </rPh>
    <rPh sb="2" eb="4">
      <t>マツエ</t>
    </rPh>
    <rPh sb="4" eb="6">
      <t>セイウン</t>
    </rPh>
    <rPh sb="6" eb="7">
      <t>カイ</t>
    </rPh>
    <phoneticPr fontId="1"/>
  </si>
  <si>
    <t>社福せんだん会</t>
    <rPh sb="0" eb="2">
      <t>シャフク</t>
    </rPh>
    <rPh sb="6" eb="7">
      <t>カイ</t>
    </rPh>
    <phoneticPr fontId="1"/>
  </si>
  <si>
    <t>社福ふれあい</t>
    <rPh sb="0" eb="2">
      <t>シャフク</t>
    </rPh>
    <phoneticPr fontId="1"/>
  </si>
  <si>
    <t>社福上口福祉会</t>
    <rPh sb="0" eb="2">
      <t>シャフク</t>
    </rPh>
    <rPh sb="2" eb="3">
      <t>カミ</t>
    </rPh>
    <rPh sb="3" eb="4">
      <t>クチ</t>
    </rPh>
    <rPh sb="4" eb="7">
      <t>フクシカイ</t>
    </rPh>
    <phoneticPr fontId="1"/>
  </si>
  <si>
    <t>社福出雲南福祉会</t>
    <rPh sb="0" eb="2">
      <t>シャフク</t>
    </rPh>
    <rPh sb="2" eb="4">
      <t>イズモ</t>
    </rPh>
    <rPh sb="4" eb="5">
      <t>ミナミ</t>
    </rPh>
    <rPh sb="5" eb="7">
      <t>フクシ</t>
    </rPh>
    <rPh sb="7" eb="8">
      <t>カイ</t>
    </rPh>
    <phoneticPr fontId="1"/>
  </si>
  <si>
    <t>社福まほろばの郷</t>
    <rPh sb="0" eb="2">
      <t>シャフク</t>
    </rPh>
    <rPh sb="7" eb="8">
      <t>サト</t>
    </rPh>
    <phoneticPr fontId="1"/>
  </si>
  <si>
    <t>社福あすなろ会</t>
    <rPh sb="0" eb="2">
      <t>シャフク</t>
    </rPh>
    <rPh sb="6" eb="7">
      <t>カイ</t>
    </rPh>
    <phoneticPr fontId="1"/>
  </si>
  <si>
    <t>社福 大田市社会福祉事業団</t>
    <rPh sb="0" eb="2">
      <t>シャフク</t>
    </rPh>
    <rPh sb="3" eb="6">
      <t>オオダシ</t>
    </rPh>
    <rPh sb="6" eb="8">
      <t>シャカイ</t>
    </rPh>
    <rPh sb="8" eb="10">
      <t>フクシ</t>
    </rPh>
    <rPh sb="10" eb="13">
      <t>ジギョウダン</t>
    </rPh>
    <phoneticPr fontId="1"/>
  </si>
  <si>
    <t>社福おおなん福祉会</t>
    <rPh sb="0" eb="2">
      <t>シャフク</t>
    </rPh>
    <rPh sb="6" eb="9">
      <t>フクシカイ</t>
    </rPh>
    <phoneticPr fontId="1"/>
  </si>
  <si>
    <t>社福浜田福祉会</t>
    <rPh sb="0" eb="2">
      <t>シャフク</t>
    </rPh>
    <rPh sb="2" eb="4">
      <t>ハマダ</t>
    </rPh>
    <rPh sb="4" eb="7">
      <t>フクシカイ</t>
    </rPh>
    <phoneticPr fontId="1"/>
  </si>
  <si>
    <t>社福西中国キリスト教
社会事業団</t>
    <rPh sb="0" eb="2">
      <t>シャフク</t>
    </rPh>
    <rPh sb="2" eb="3">
      <t>ニシ</t>
    </rPh>
    <rPh sb="3" eb="5">
      <t>チュウゴク</t>
    </rPh>
    <rPh sb="9" eb="10">
      <t>キョウ</t>
    </rPh>
    <rPh sb="11" eb="13">
      <t>シャカイ</t>
    </rPh>
    <rPh sb="13" eb="16">
      <t>ジギョウダン</t>
    </rPh>
    <phoneticPr fontId="1"/>
  </si>
  <si>
    <t>医療法人あすか</t>
    <rPh sb="0" eb="3">
      <t>イリョウホウ</t>
    </rPh>
    <rPh sb="3" eb="4">
      <t>ジン</t>
    </rPh>
    <phoneticPr fontId="1"/>
  </si>
  <si>
    <t>社福梅寿会</t>
    <rPh sb="0" eb="2">
      <t>シャフク</t>
    </rPh>
    <rPh sb="2" eb="3">
      <t>ウメ</t>
    </rPh>
    <rPh sb="3" eb="4">
      <t>ジュ</t>
    </rPh>
    <rPh sb="4" eb="5">
      <t>カイ</t>
    </rPh>
    <phoneticPr fontId="1"/>
  </si>
  <si>
    <t>医療法人金島胃腸科外科</t>
    <rPh sb="0" eb="3">
      <t>イリョウホウ</t>
    </rPh>
    <rPh sb="3" eb="4">
      <t>ジン</t>
    </rPh>
    <rPh sb="4" eb="6">
      <t>カネシマ</t>
    </rPh>
    <rPh sb="6" eb="9">
      <t>イチョウカ</t>
    </rPh>
    <rPh sb="9" eb="11">
      <t>ゲカ</t>
    </rPh>
    <phoneticPr fontId="1"/>
  </si>
  <si>
    <t>施設名</t>
    <rPh sb="0" eb="1">
      <t>シ</t>
    </rPh>
    <rPh sb="1" eb="2">
      <t>セツ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1">
      <t>トコロ</t>
    </rPh>
    <rPh sb="1" eb="2">
      <t>ザイ</t>
    </rPh>
    <rPh sb="2" eb="3">
      <t>チ</t>
    </rPh>
    <phoneticPr fontId="1"/>
  </si>
  <si>
    <t>一般入所者</t>
  </si>
  <si>
    <t>介護付</t>
  </si>
  <si>
    <t>部屋数（室）</t>
    <rPh sb="0" eb="3">
      <t>ヘヤスウ</t>
    </rPh>
    <phoneticPr fontId="1"/>
  </si>
  <si>
    <t>個室（室）</t>
    <rPh sb="0" eb="2">
      <t>コシツ</t>
    </rPh>
    <phoneticPr fontId="1"/>
  </si>
  <si>
    <t>夫婦（室）</t>
    <rPh sb="0" eb="2">
      <t>フウフ</t>
    </rPh>
    <phoneticPr fontId="1"/>
  </si>
  <si>
    <t>定員（人）</t>
    <rPh sb="0" eb="1">
      <t>サダム</t>
    </rPh>
    <rPh sb="1" eb="2">
      <t>イン</t>
    </rPh>
    <phoneticPr fontId="1"/>
  </si>
  <si>
    <t>個室（人）</t>
    <rPh sb="0" eb="2">
      <t>コシツ</t>
    </rPh>
    <phoneticPr fontId="1"/>
  </si>
  <si>
    <t>夫婦（人）</t>
    <rPh sb="0" eb="2">
      <t>フウフ</t>
    </rPh>
    <phoneticPr fontId="1"/>
  </si>
  <si>
    <t>□一般入所者 23</t>
    <rPh sb="1" eb="3">
      <t>イッパン</t>
    </rPh>
    <rPh sb="3" eb="6">
      <t>ニュウショ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8">
    <xf numFmtId="0" fontId="0" fillId="0" borderId="0" xfId="0"/>
    <xf numFmtId="0" fontId="0" fillId="0" borderId="1" xfId="0" applyFont="1" applyFill="1" applyBorder="1" applyAlignment="1">
      <alignment vertical="center"/>
    </xf>
    <xf numFmtId="0" fontId="3" fillId="0" borderId="1" xfId="0" applyFont="1" applyFill="1" applyBorder="1" applyAlignment="1">
      <alignment vertical="center"/>
    </xf>
    <xf numFmtId="176" fontId="0" fillId="0" borderId="1" xfId="0" applyNumberFormat="1" applyFont="1" applyFill="1" applyBorder="1" applyAlignment="1">
      <alignment vertical="center"/>
    </xf>
    <xf numFmtId="0" fontId="0" fillId="0" borderId="1" xfId="0" applyNumberFormat="1" applyFont="1" applyFill="1" applyBorder="1" applyAlignment="1">
      <alignment vertical="center"/>
    </xf>
    <xf numFmtId="0" fontId="2" fillId="0" borderId="1" xfId="0" applyNumberFormat="1" applyFont="1" applyFill="1" applyBorder="1" applyAlignment="1">
      <alignment vertical="center"/>
    </xf>
    <xf numFmtId="0" fontId="3" fillId="0" borderId="1" xfId="0" applyNumberFormat="1" applyFont="1" applyFill="1" applyBorder="1" applyAlignment="1">
      <alignment vertical="center"/>
    </xf>
    <xf numFmtId="0" fontId="0" fillId="0" borderId="0" xfId="0" applyFont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8"/>
  <sheetViews>
    <sheetView tabSelected="1" topLeftCell="D1" zoomScaleNormal="100" zoomScaleSheetLayoutView="70" workbookViewId="0">
      <selection activeCell="R1" sqref="R1"/>
    </sheetView>
  </sheetViews>
  <sheetFormatPr defaultRowHeight="13.5" x14ac:dyDescent="0.15"/>
  <cols>
    <col min="1" max="1" width="3.75" style="7" customWidth="1"/>
    <col min="2" max="2" width="7.75" style="7" customWidth="1"/>
    <col min="3" max="3" width="22.25" style="7" bestFit="1" customWidth="1"/>
    <col min="4" max="4" width="7.5" style="7" customWidth="1"/>
    <col min="5" max="5" width="18.5" style="7" customWidth="1"/>
    <col min="6" max="6" width="9.75" style="7" customWidth="1"/>
    <col min="7" max="7" width="25.5" style="7" customWidth="1"/>
    <col min="8" max="9" width="14.75" style="7" customWidth="1"/>
    <col min="10" max="10" width="24.375" style="7" customWidth="1"/>
    <col min="11" max="16" width="6.875" style="7" customWidth="1"/>
    <col min="17" max="20" width="9" style="7"/>
    <col min="21" max="21" width="9.125" style="7" customWidth="1"/>
    <col min="22" max="16384" width="9" style="7"/>
  </cols>
  <sheetData>
    <row r="1" spans="1:18" ht="16.5" customHeight="1" x14ac:dyDescent="0.15">
      <c r="A1" s="1" t="s">
        <v>14</v>
      </c>
      <c r="B1" s="1" t="s">
        <v>15</v>
      </c>
      <c r="C1" s="1" t="s">
        <v>114</v>
      </c>
      <c r="D1" s="1" t="s">
        <v>118</v>
      </c>
      <c r="E1" s="1" t="s">
        <v>117</v>
      </c>
      <c r="F1" s="1" t="s">
        <v>115</v>
      </c>
      <c r="G1" s="1" t="s">
        <v>116</v>
      </c>
      <c r="H1" s="1" t="s">
        <v>82</v>
      </c>
      <c r="I1" s="1" t="s">
        <v>83</v>
      </c>
      <c r="J1" s="1" t="s">
        <v>1</v>
      </c>
      <c r="K1" s="1" t="s">
        <v>119</v>
      </c>
      <c r="L1" s="1" t="s">
        <v>120</v>
      </c>
      <c r="M1" s="1" t="s">
        <v>121</v>
      </c>
      <c r="N1" s="1" t="s">
        <v>122</v>
      </c>
      <c r="O1" s="1" t="s">
        <v>123</v>
      </c>
      <c r="P1" s="1" t="s">
        <v>124</v>
      </c>
      <c r="Q1" s="1" t="s">
        <v>95</v>
      </c>
      <c r="R1" s="1" t="s">
        <v>96</v>
      </c>
    </row>
    <row r="2" spans="1:18" ht="19.5" customHeight="1" x14ac:dyDescent="0.15">
      <c r="A2" s="1">
        <v>1</v>
      </c>
      <c r="B2" s="1" t="s">
        <v>16</v>
      </c>
      <c r="C2" s="1" t="s">
        <v>55</v>
      </c>
      <c r="D2" s="4"/>
      <c r="E2" s="2" t="s">
        <v>46</v>
      </c>
      <c r="F2" s="1" t="s">
        <v>39</v>
      </c>
      <c r="G2" s="1" t="s">
        <v>3</v>
      </c>
      <c r="H2" s="1" t="s">
        <v>64</v>
      </c>
      <c r="I2" s="1" t="s">
        <v>29</v>
      </c>
      <c r="J2" s="1" t="s">
        <v>97</v>
      </c>
      <c r="K2" s="1">
        <v>61</v>
      </c>
      <c r="L2" s="1">
        <v>52</v>
      </c>
      <c r="M2" s="1">
        <v>9</v>
      </c>
      <c r="N2" s="1">
        <v>70</v>
      </c>
      <c r="O2" s="1">
        <v>52</v>
      </c>
      <c r="P2" s="1">
        <v>18</v>
      </c>
      <c r="Q2" s="1">
        <v>35.440099799999999</v>
      </c>
      <c r="R2" s="1">
        <v>133.09701340000001</v>
      </c>
    </row>
    <row r="3" spans="1:18" ht="19.5" customHeight="1" x14ac:dyDescent="0.15">
      <c r="A3" s="1">
        <v>2</v>
      </c>
      <c r="B3" s="1" t="s">
        <v>16</v>
      </c>
      <c r="C3" s="1" t="s">
        <v>10</v>
      </c>
      <c r="D3" s="4"/>
      <c r="E3" s="2" t="s">
        <v>46</v>
      </c>
      <c r="F3" s="1" t="s">
        <v>47</v>
      </c>
      <c r="G3" s="1" t="s">
        <v>4</v>
      </c>
      <c r="H3" s="1" t="s">
        <v>65</v>
      </c>
      <c r="I3" s="1" t="s">
        <v>30</v>
      </c>
      <c r="J3" s="1" t="s">
        <v>98</v>
      </c>
      <c r="K3" s="1">
        <v>44</v>
      </c>
      <c r="L3" s="1">
        <v>38</v>
      </c>
      <c r="M3" s="1">
        <v>6</v>
      </c>
      <c r="N3" s="1">
        <v>50</v>
      </c>
      <c r="O3" s="1">
        <v>38</v>
      </c>
      <c r="P3" s="1">
        <v>12</v>
      </c>
      <c r="Q3" s="1">
        <v>35.495408900000001</v>
      </c>
      <c r="R3" s="1">
        <v>133.04303300000001</v>
      </c>
    </row>
    <row r="4" spans="1:18" ht="19.5" customHeight="1" x14ac:dyDescent="0.15">
      <c r="A4" s="1">
        <v>3</v>
      </c>
      <c r="B4" s="1" t="s">
        <v>16</v>
      </c>
      <c r="C4" s="1" t="s">
        <v>11</v>
      </c>
      <c r="D4" s="5">
        <v>52</v>
      </c>
      <c r="E4" s="1"/>
      <c r="F4" s="1" t="s">
        <v>41</v>
      </c>
      <c r="G4" s="1" t="s">
        <v>48</v>
      </c>
      <c r="H4" s="1" t="s">
        <v>26</v>
      </c>
      <c r="I4" s="1" t="s">
        <v>31</v>
      </c>
      <c r="J4" s="1" t="s">
        <v>99</v>
      </c>
      <c r="K4" s="1">
        <v>50</v>
      </c>
      <c r="L4" s="1">
        <v>48</v>
      </c>
      <c r="M4" s="1">
        <v>2</v>
      </c>
      <c r="N4" s="1">
        <v>52</v>
      </c>
      <c r="O4" s="1">
        <v>48</v>
      </c>
      <c r="P4" s="1">
        <v>4</v>
      </c>
      <c r="Q4" s="1">
        <v>35.432175200000003</v>
      </c>
      <c r="R4" s="1">
        <v>133.0765797</v>
      </c>
    </row>
    <row r="5" spans="1:18" ht="19.5" customHeight="1" x14ac:dyDescent="0.15">
      <c r="A5" s="1">
        <v>4</v>
      </c>
      <c r="B5" s="1" t="s">
        <v>16</v>
      </c>
      <c r="C5" s="1" t="s">
        <v>12</v>
      </c>
      <c r="D5" s="6"/>
      <c r="E5" s="2" t="s">
        <v>46</v>
      </c>
      <c r="F5" s="1" t="s">
        <v>42</v>
      </c>
      <c r="G5" s="1" t="s">
        <v>5</v>
      </c>
      <c r="H5" s="1" t="s">
        <v>66</v>
      </c>
      <c r="I5" s="1" t="s">
        <v>32</v>
      </c>
      <c r="J5" s="1" t="s">
        <v>100</v>
      </c>
      <c r="K5" s="1">
        <v>48</v>
      </c>
      <c r="L5" s="1">
        <v>46</v>
      </c>
      <c r="M5" s="1">
        <v>2</v>
      </c>
      <c r="N5" s="1">
        <v>50</v>
      </c>
      <c r="O5" s="1">
        <v>46</v>
      </c>
      <c r="P5" s="1">
        <v>4</v>
      </c>
      <c r="Q5" s="1">
        <v>35.4991986</v>
      </c>
      <c r="R5" s="1">
        <v>133.13396270000001</v>
      </c>
    </row>
    <row r="6" spans="1:18" ht="19.5" customHeight="1" x14ac:dyDescent="0.15">
      <c r="A6" s="1">
        <v>5</v>
      </c>
      <c r="B6" s="1" t="s">
        <v>16</v>
      </c>
      <c r="C6" s="1" t="s">
        <v>63</v>
      </c>
      <c r="D6" s="6"/>
      <c r="E6" s="2" t="s">
        <v>46</v>
      </c>
      <c r="F6" s="1" t="s">
        <v>40</v>
      </c>
      <c r="G6" s="1" t="s">
        <v>6</v>
      </c>
      <c r="H6" s="1" t="s">
        <v>67</v>
      </c>
      <c r="I6" s="1" t="s">
        <v>33</v>
      </c>
      <c r="J6" s="1" t="s">
        <v>101</v>
      </c>
      <c r="K6" s="1">
        <v>50</v>
      </c>
      <c r="L6" s="1">
        <v>50</v>
      </c>
      <c r="M6" s="1"/>
      <c r="N6" s="1">
        <v>50</v>
      </c>
      <c r="O6" s="1">
        <v>50</v>
      </c>
      <c r="P6" s="1"/>
      <c r="Q6" s="1">
        <v>35.433903100000002</v>
      </c>
      <c r="R6" s="1">
        <v>133.2526316</v>
      </c>
    </row>
    <row r="7" spans="1:18" ht="19.5" customHeight="1" x14ac:dyDescent="0.15">
      <c r="A7" s="3">
        <v>6</v>
      </c>
      <c r="B7" s="1" t="s">
        <v>16</v>
      </c>
      <c r="C7" s="1" t="s">
        <v>59</v>
      </c>
      <c r="D7" s="6"/>
      <c r="E7" s="2" t="s">
        <v>46</v>
      </c>
      <c r="F7" s="1" t="s">
        <v>60</v>
      </c>
      <c r="G7" s="1" t="s">
        <v>61</v>
      </c>
      <c r="H7" s="1" t="s">
        <v>68</v>
      </c>
      <c r="I7" s="1" t="s">
        <v>62</v>
      </c>
      <c r="J7" s="1" t="s">
        <v>102</v>
      </c>
      <c r="K7" s="1">
        <v>140</v>
      </c>
      <c r="L7" s="1">
        <v>52</v>
      </c>
      <c r="M7" s="1">
        <v>88</v>
      </c>
      <c r="N7" s="1">
        <v>228</v>
      </c>
      <c r="O7" s="1">
        <v>52</v>
      </c>
      <c r="P7" s="1">
        <v>176</v>
      </c>
      <c r="Q7" s="1">
        <v>35.518796999999999</v>
      </c>
      <c r="R7" s="1">
        <v>133.13644500000001</v>
      </c>
    </row>
    <row r="8" spans="1:18" ht="19.5" customHeight="1" x14ac:dyDescent="0.15">
      <c r="A8" s="1">
        <v>7</v>
      </c>
      <c r="B8" s="1" t="s">
        <v>16</v>
      </c>
      <c r="C8" s="1" t="s">
        <v>84</v>
      </c>
      <c r="D8" s="4"/>
      <c r="E8" s="2" t="s">
        <v>46</v>
      </c>
      <c r="F8" s="1" t="s">
        <v>22</v>
      </c>
      <c r="G8" s="1" t="s">
        <v>85</v>
      </c>
      <c r="H8" s="1" t="s">
        <v>74</v>
      </c>
      <c r="I8" s="1" t="s">
        <v>75</v>
      </c>
      <c r="J8" s="1" t="s">
        <v>103</v>
      </c>
      <c r="K8" s="1">
        <v>50</v>
      </c>
      <c r="L8" s="1">
        <v>50</v>
      </c>
      <c r="M8" s="1"/>
      <c r="N8" s="1">
        <v>50</v>
      </c>
      <c r="O8" s="1">
        <v>50</v>
      </c>
      <c r="P8" s="1"/>
      <c r="Q8" s="1">
        <v>35.442174100000003</v>
      </c>
      <c r="R8" s="1">
        <v>133.07860700000001</v>
      </c>
    </row>
    <row r="9" spans="1:18" ht="19.5" customHeight="1" x14ac:dyDescent="0.15">
      <c r="A9" s="1">
        <v>8</v>
      </c>
      <c r="B9" s="1" t="s">
        <v>17</v>
      </c>
      <c r="C9" s="1" t="s">
        <v>49</v>
      </c>
      <c r="D9" s="4"/>
      <c r="E9" s="2" t="s">
        <v>46</v>
      </c>
      <c r="F9" s="1" t="s">
        <v>50</v>
      </c>
      <c r="G9" s="1" t="s">
        <v>7</v>
      </c>
      <c r="H9" s="1" t="s">
        <v>69</v>
      </c>
      <c r="I9" s="1" t="s">
        <v>34</v>
      </c>
      <c r="J9" s="1" t="s">
        <v>104</v>
      </c>
      <c r="K9" s="1">
        <v>49</v>
      </c>
      <c r="L9" s="1">
        <v>48</v>
      </c>
      <c r="M9" s="1">
        <v>1</v>
      </c>
      <c r="N9" s="1">
        <v>50</v>
      </c>
      <c r="O9" s="1">
        <v>48</v>
      </c>
      <c r="P9" s="1">
        <v>2</v>
      </c>
      <c r="Q9" s="1">
        <v>35.355017799999999</v>
      </c>
      <c r="R9" s="1">
        <v>132.77833459999999</v>
      </c>
    </row>
    <row r="10" spans="1:18" ht="21" customHeight="1" x14ac:dyDescent="0.15">
      <c r="A10" s="1">
        <v>9</v>
      </c>
      <c r="B10" s="1" t="s">
        <v>17</v>
      </c>
      <c r="C10" s="1" t="s">
        <v>25</v>
      </c>
      <c r="D10" s="5">
        <v>27</v>
      </c>
      <c r="E10" s="2" t="s">
        <v>125</v>
      </c>
      <c r="F10" s="1" t="s">
        <v>43</v>
      </c>
      <c r="G10" s="1" t="s">
        <v>9</v>
      </c>
      <c r="H10" s="1" t="s">
        <v>70</v>
      </c>
      <c r="I10" s="1" t="s">
        <v>35</v>
      </c>
      <c r="J10" s="1" t="s">
        <v>105</v>
      </c>
      <c r="K10" s="1">
        <v>50</v>
      </c>
      <c r="L10" s="1">
        <v>50</v>
      </c>
      <c r="M10" s="1"/>
      <c r="N10" s="1">
        <v>50</v>
      </c>
      <c r="O10" s="1">
        <v>50</v>
      </c>
      <c r="P10" s="1"/>
      <c r="Q10" s="1">
        <v>35.379290900000001</v>
      </c>
      <c r="R10" s="1">
        <v>132.68734269999999</v>
      </c>
    </row>
    <row r="11" spans="1:18" ht="19.5" customHeight="1" x14ac:dyDescent="0.15">
      <c r="A11" s="1">
        <v>10</v>
      </c>
      <c r="B11" s="1" t="s">
        <v>17</v>
      </c>
      <c r="C11" s="1" t="s">
        <v>89</v>
      </c>
      <c r="D11" s="5">
        <v>50</v>
      </c>
      <c r="E11" s="2"/>
      <c r="F11" s="1" t="s">
        <v>45</v>
      </c>
      <c r="G11" s="1" t="s">
        <v>2</v>
      </c>
      <c r="H11" s="1" t="s">
        <v>76</v>
      </c>
      <c r="I11" s="1" t="s">
        <v>77</v>
      </c>
      <c r="J11" s="1" t="s">
        <v>106</v>
      </c>
      <c r="K11" s="1">
        <v>50</v>
      </c>
      <c r="L11" s="1">
        <v>50</v>
      </c>
      <c r="M11" s="1"/>
      <c r="N11" s="1">
        <v>50</v>
      </c>
      <c r="O11" s="1">
        <v>50</v>
      </c>
      <c r="P11" s="1"/>
      <c r="Q11" s="1">
        <v>35.360523999999998</v>
      </c>
      <c r="R11" s="1">
        <v>132.7297839</v>
      </c>
    </row>
    <row r="12" spans="1:18" ht="19.5" customHeight="1" x14ac:dyDescent="0.15">
      <c r="A12" s="1">
        <v>11</v>
      </c>
      <c r="B12" s="1" t="s">
        <v>18</v>
      </c>
      <c r="C12" s="1" t="s">
        <v>90</v>
      </c>
      <c r="D12" s="4"/>
      <c r="E12" s="2" t="s">
        <v>46</v>
      </c>
      <c r="F12" s="1" t="s">
        <v>87</v>
      </c>
      <c r="G12" s="1" t="s">
        <v>88</v>
      </c>
      <c r="H12" s="1" t="s">
        <v>78</v>
      </c>
      <c r="I12" s="1" t="s">
        <v>79</v>
      </c>
      <c r="J12" s="1" t="s">
        <v>107</v>
      </c>
      <c r="K12" s="1">
        <v>50</v>
      </c>
      <c r="L12" s="1">
        <v>50</v>
      </c>
      <c r="M12" s="1"/>
      <c r="N12" s="1">
        <v>50</v>
      </c>
      <c r="O12" s="1">
        <v>50</v>
      </c>
      <c r="P12" s="1"/>
      <c r="Q12" s="1">
        <v>35.151989200000003</v>
      </c>
      <c r="R12" s="1">
        <v>132.50682610000001</v>
      </c>
    </row>
    <row r="13" spans="1:18" ht="20.25" customHeight="1" x14ac:dyDescent="0.15">
      <c r="A13" s="1">
        <v>12</v>
      </c>
      <c r="B13" s="1" t="s">
        <v>19</v>
      </c>
      <c r="C13" s="1" t="s">
        <v>52</v>
      </c>
      <c r="D13" s="4"/>
      <c r="E13" s="2" t="s">
        <v>46</v>
      </c>
      <c r="F13" s="1" t="s">
        <v>51</v>
      </c>
      <c r="G13" s="1" t="s">
        <v>0</v>
      </c>
      <c r="H13" s="1" t="s">
        <v>27</v>
      </c>
      <c r="I13" s="1" t="s">
        <v>36</v>
      </c>
      <c r="J13" s="1" t="s">
        <v>108</v>
      </c>
      <c r="K13" s="1">
        <v>46</v>
      </c>
      <c r="L13" s="1">
        <v>42</v>
      </c>
      <c r="M13" s="1">
        <v>4</v>
      </c>
      <c r="N13" s="1">
        <v>50</v>
      </c>
      <c r="O13" s="1">
        <v>42</v>
      </c>
      <c r="P13" s="1">
        <v>8</v>
      </c>
      <c r="Q13" s="1">
        <v>34.844769800000002</v>
      </c>
      <c r="R13" s="1">
        <v>132.51538479999999</v>
      </c>
    </row>
    <row r="14" spans="1:18" ht="20.25" customHeight="1" x14ac:dyDescent="0.15">
      <c r="A14" s="1">
        <v>13</v>
      </c>
      <c r="B14" s="1" t="s">
        <v>20</v>
      </c>
      <c r="C14" s="1" t="s">
        <v>13</v>
      </c>
      <c r="D14" s="4"/>
      <c r="E14" s="2" t="s">
        <v>46</v>
      </c>
      <c r="F14" s="1" t="s">
        <v>53</v>
      </c>
      <c r="G14" s="1" t="s">
        <v>8</v>
      </c>
      <c r="H14" s="1" t="s">
        <v>28</v>
      </c>
      <c r="I14" s="1" t="s">
        <v>37</v>
      </c>
      <c r="J14" s="1" t="s">
        <v>109</v>
      </c>
      <c r="K14" s="1">
        <v>50</v>
      </c>
      <c r="L14" s="1">
        <v>50</v>
      </c>
      <c r="M14" s="1">
        <v>0</v>
      </c>
      <c r="N14" s="1">
        <v>50</v>
      </c>
      <c r="O14" s="1">
        <v>50</v>
      </c>
      <c r="P14" s="1">
        <v>0</v>
      </c>
      <c r="Q14" s="1">
        <v>34.853484199999997</v>
      </c>
      <c r="R14" s="1">
        <v>132.05320639999999</v>
      </c>
    </row>
    <row r="15" spans="1:18" ht="20.25" customHeight="1" x14ac:dyDescent="0.15">
      <c r="A15" s="1">
        <v>14</v>
      </c>
      <c r="B15" s="1" t="s">
        <v>21</v>
      </c>
      <c r="C15" s="1" t="s">
        <v>56</v>
      </c>
      <c r="D15" s="4"/>
      <c r="E15" s="2" t="s">
        <v>46</v>
      </c>
      <c r="F15" s="1" t="s">
        <v>44</v>
      </c>
      <c r="G15" s="1" t="s">
        <v>54</v>
      </c>
      <c r="H15" s="1" t="s">
        <v>71</v>
      </c>
      <c r="I15" s="1" t="s">
        <v>38</v>
      </c>
      <c r="J15" s="1" t="s">
        <v>110</v>
      </c>
      <c r="K15" s="1">
        <v>29</v>
      </c>
      <c r="L15" s="1">
        <v>28</v>
      </c>
      <c r="M15" s="1">
        <v>1</v>
      </c>
      <c r="N15" s="1">
        <v>30</v>
      </c>
      <c r="O15" s="1">
        <v>28</v>
      </c>
      <c r="P15" s="1">
        <v>2</v>
      </c>
      <c r="Q15" s="1">
        <v>34.687415399999999</v>
      </c>
      <c r="R15" s="1">
        <v>131.8106009</v>
      </c>
    </row>
    <row r="16" spans="1:18" ht="20.25" customHeight="1" x14ac:dyDescent="0.15">
      <c r="A16" s="1">
        <v>15</v>
      </c>
      <c r="B16" s="1" t="s">
        <v>21</v>
      </c>
      <c r="C16" s="1" t="s">
        <v>57</v>
      </c>
      <c r="D16" s="5">
        <v>20</v>
      </c>
      <c r="E16" s="1"/>
      <c r="F16" s="1" t="s">
        <v>44</v>
      </c>
      <c r="G16" s="1" t="s">
        <v>58</v>
      </c>
      <c r="H16" s="1" t="s">
        <v>72</v>
      </c>
      <c r="I16" s="1" t="s">
        <v>73</v>
      </c>
      <c r="J16" s="1" t="s">
        <v>111</v>
      </c>
      <c r="K16" s="1">
        <v>20</v>
      </c>
      <c r="L16" s="1">
        <v>20</v>
      </c>
      <c r="M16" s="1"/>
      <c r="N16" s="1">
        <v>20</v>
      </c>
      <c r="O16" s="1">
        <v>20</v>
      </c>
      <c r="P16" s="1"/>
      <c r="Q16" s="1">
        <v>34.696134000000001</v>
      </c>
      <c r="R16" s="1">
        <v>131.8250879</v>
      </c>
    </row>
    <row r="17" spans="1:18" ht="19.5" customHeight="1" x14ac:dyDescent="0.15">
      <c r="A17" s="1">
        <v>16</v>
      </c>
      <c r="B17" s="1" t="s">
        <v>21</v>
      </c>
      <c r="C17" s="1" t="s">
        <v>23</v>
      </c>
      <c r="D17" s="5">
        <v>50</v>
      </c>
      <c r="E17" s="1"/>
      <c r="F17" s="1" t="s">
        <v>24</v>
      </c>
      <c r="G17" s="1" t="s">
        <v>86</v>
      </c>
      <c r="H17" s="1" t="s">
        <v>80</v>
      </c>
      <c r="I17" s="1" t="s">
        <v>81</v>
      </c>
      <c r="J17" s="1" t="s">
        <v>112</v>
      </c>
      <c r="K17" s="1">
        <v>50</v>
      </c>
      <c r="L17" s="1">
        <v>50</v>
      </c>
      <c r="M17" s="1"/>
      <c r="N17" s="1">
        <v>50</v>
      </c>
      <c r="O17" s="1">
        <v>50</v>
      </c>
      <c r="P17" s="1"/>
      <c r="Q17" s="1">
        <v>34.685687799999997</v>
      </c>
      <c r="R17" s="1">
        <v>131.81113980000001</v>
      </c>
    </row>
    <row r="18" spans="1:18" ht="18.75" customHeight="1" x14ac:dyDescent="0.15">
      <c r="A18" s="1">
        <v>17</v>
      </c>
      <c r="B18" s="1" t="s">
        <v>21</v>
      </c>
      <c r="C18" s="1" t="s">
        <v>91</v>
      </c>
      <c r="D18" s="5">
        <v>50</v>
      </c>
      <c r="E18" s="1"/>
      <c r="F18" s="1" t="s">
        <v>24</v>
      </c>
      <c r="G18" s="1" t="s">
        <v>92</v>
      </c>
      <c r="H18" s="1" t="s">
        <v>93</v>
      </c>
      <c r="I18" s="1" t="s">
        <v>94</v>
      </c>
      <c r="J18" s="1" t="s">
        <v>113</v>
      </c>
      <c r="K18" s="1">
        <v>50</v>
      </c>
      <c r="L18" s="1">
        <v>50</v>
      </c>
      <c r="M18" s="1"/>
      <c r="N18" s="1">
        <v>50</v>
      </c>
      <c r="O18" s="1">
        <v>50</v>
      </c>
      <c r="P18" s="1"/>
      <c r="Q18" s="1">
        <v>34.685296399999999</v>
      </c>
      <c r="R18" s="1">
        <v>131.82605480000001</v>
      </c>
    </row>
  </sheetData>
  <phoneticPr fontId="1"/>
  <printOptions horizontalCentered="1" verticalCentered="1"/>
  <pageMargins left="0.59055118110236227" right="0.59055118110236227" top="0.47244094488188981" bottom="0.47244094488188981" header="0.31496062992125984" footer="0.31496062992125984"/>
  <pageSetup paperSize="9" scale="7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高齢者福祉課</dc:creator>
  <cp:lastModifiedBy>s00150</cp:lastModifiedBy>
  <cp:lastPrinted>2017-02-27T01:33:33Z</cp:lastPrinted>
  <dcterms:created xsi:type="dcterms:W3CDTF">2004-09-02T04:02:57Z</dcterms:created>
  <dcterms:modified xsi:type="dcterms:W3CDTF">2017-03-14T05:42:05Z</dcterms:modified>
</cp:coreProperties>
</file>